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0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1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1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teenber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0F4A84C0-B071-FCC5-E1FC-33307A7FFDC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12908" y="5254788"/>
            <a:ext cx="2421746" cy="1414300"/>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103A37B7-5EC2-D059-47D8-6D086D48EE2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0308" y="4343399"/>
            <a:ext cx="1780501" cy="1039813"/>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2-02T15:18:00Z</dcterms:modified>
</cp:coreProperties>
</file>